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730"/>
  <workbookPr/>
  <mc:AlternateContent xmlns:mc="http://schemas.openxmlformats.org/markup-compatibility/2006">
    <mc:Choice Requires="x15">
      <x15ac:absPath xmlns:x15ac="http://schemas.microsoft.com/office/spreadsheetml/2010/11/ac" url="C:\Users\i039738\Documents\Incidents\Golden Tax file template\1908 new feature TEST\"/>
    </mc:Choice>
  </mc:AlternateContent>
  <xr:revisionPtr revIDLastSave="0" documentId="8_{1BF30588-124E-41B2-A89E-60B7FE9EFB4A}" xr6:coauthVersionLast="36" xr6:coauthVersionMax="36" xr10:uidLastSave="{00000000-0000-0000-0000-000000000000}"/>
  <bookViews>
    <workbookView xWindow="0" yWindow="0" windowWidth="16440" windowHeight="4853" xr2:uid="{00000000-000D-0000-FFFF-FFFF00000000}"/>
  </bookViews>
  <sheets>
    <sheet name="sheet1" sheetId="1" r:id="rId1"/>
  </sheets>
  <calcPr calcId="0"/>
</workbook>
</file>

<file path=xl/sharedStrings.xml><?xml version="1.0" encoding="utf-8"?>
<sst xmlns="http://schemas.openxmlformats.org/spreadsheetml/2006/main" count="31" uniqueCount="31">
  <si>
    <t>作废标志</t>
  </si>
  <si>
    <t>发票种类</t>
  </si>
  <si>
    <t>单据号</t>
  </si>
  <si>
    <t>发票代码</t>
  </si>
  <si>
    <t>发票号码</t>
  </si>
  <si>
    <t>客户编号</t>
  </si>
  <si>
    <t>客户名称</t>
  </si>
  <si>
    <t>客户税号</t>
  </si>
  <si>
    <t>客户地址电话</t>
  </si>
  <si>
    <t>客户银行及帐号</t>
  </si>
  <si>
    <t>开票日期</t>
  </si>
  <si>
    <t>备注</t>
  </si>
  <si>
    <t>开票人</t>
  </si>
  <si>
    <t>收款人</t>
  </si>
  <si>
    <t>复核人</t>
  </si>
  <si>
    <t>销方银行及帐号</t>
  </si>
  <si>
    <t>销方地址电话</t>
  </si>
  <si>
    <t>商品编号</t>
  </si>
  <si>
    <t>商品名称</t>
  </si>
  <si>
    <t>规格型号</t>
  </si>
  <si>
    <t>计量单位</t>
  </si>
  <si>
    <t>数量</t>
  </si>
  <si>
    <t>金额（含税）</t>
  </si>
  <si>
    <t>税率</t>
  </si>
  <si>
    <t>税额</t>
  </si>
  <si>
    <t>编码版本号</t>
  </si>
  <si>
    <t>税收分类编码</t>
  </si>
  <si>
    <t>是否享受优惠政策</t>
  </si>
  <si>
    <t>享受税收优惠政策内容</t>
  </si>
  <si>
    <t>零税率标识</t>
  </si>
  <si>
    <t>扣除额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0"/>
      <name val="Arial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5">
    <xf numFmtId="0" fontId="0" fillId="0" borderId="0" xfId="0"/>
    <xf numFmtId="4" fontId="0" fillId="0" borderId="0" xfId="0" applyNumberFormat="1" applyAlignment="1">
      <alignment horizontal="right"/>
    </xf>
    <xf numFmtId="49" fontId="0" fillId="0" borderId="0" xfId="0" applyNumberFormat="1"/>
    <xf numFmtId="14" fontId="0" fillId="0" borderId="0" xfId="0" applyNumberFormat="1"/>
    <xf numFmtId="1" fontId="0" fillId="0" borderId="0" xfId="0" applyNumberForma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E15"/>
  <sheetViews>
    <sheetView tabSelected="1" workbookViewId="0">
      <selection activeCell="I18" sqref="I18"/>
    </sheetView>
  </sheetViews>
  <sheetFormatPr defaultRowHeight="12.75" x14ac:dyDescent="0.35"/>
  <cols>
    <col min="3" max="3" width="12" bestFit="1" customWidth="1"/>
    <col min="9" max="9" width="31.265625" bestFit="1" customWidth="1"/>
    <col min="10" max="10" width="14.19921875" bestFit="1" customWidth="1"/>
    <col min="17" max="17" width="42.796875" bestFit="1" customWidth="1"/>
    <col min="27" max="27" width="20.265625" bestFit="1" customWidth="1"/>
  </cols>
  <sheetData>
    <row r="1" spans="1:31" x14ac:dyDescent="0.3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  <c r="H1" t="s">
        <v>7</v>
      </c>
      <c r="I1" t="s">
        <v>8</v>
      </c>
      <c r="J1" t="s">
        <v>9</v>
      </c>
      <c r="K1" t="s">
        <v>10</v>
      </c>
      <c r="L1" t="s">
        <v>11</v>
      </c>
      <c r="M1" t="s">
        <v>12</v>
      </c>
      <c r="N1" t="s">
        <v>13</v>
      </c>
      <c r="O1" t="s">
        <v>14</v>
      </c>
      <c r="P1" t="s">
        <v>15</v>
      </c>
      <c r="Q1" t="s">
        <v>16</v>
      </c>
      <c r="R1" t="s">
        <v>17</v>
      </c>
      <c r="S1" t="s">
        <v>18</v>
      </c>
      <c r="T1" t="s">
        <v>19</v>
      </c>
      <c r="U1" t="s">
        <v>20</v>
      </c>
      <c r="V1" t="s">
        <v>21</v>
      </c>
      <c r="W1" t="s">
        <v>22</v>
      </c>
      <c r="X1" t="s">
        <v>23</v>
      </c>
      <c r="Y1" t="s">
        <v>24</v>
      </c>
      <c r="Z1" t="s">
        <v>25</v>
      </c>
      <c r="AA1" t="s">
        <v>26</v>
      </c>
      <c r="AB1" t="s">
        <v>27</v>
      </c>
      <c r="AC1" t="s">
        <v>28</v>
      </c>
      <c r="AD1" t="s">
        <v>29</v>
      </c>
      <c r="AE1" t="s">
        <v>30</v>
      </c>
    </row>
    <row r="2" spans="1:31" x14ac:dyDescent="0.35">
      <c r="C2" s="2"/>
      <c r="K2" s="3"/>
      <c r="R2" s="2"/>
      <c r="Z2" s="2"/>
      <c r="AA2" s="4"/>
      <c r="AE2" s="1"/>
    </row>
    <row r="3" spans="1:31" x14ac:dyDescent="0.35">
      <c r="C3" s="2"/>
      <c r="K3" s="3"/>
      <c r="R3" s="2"/>
      <c r="Z3" s="2"/>
      <c r="AA3" s="4"/>
      <c r="AE3" s="1"/>
    </row>
    <row r="4" spans="1:31" x14ac:dyDescent="0.35">
      <c r="C4" s="2"/>
      <c r="K4" s="3"/>
      <c r="R4" s="2"/>
      <c r="Z4" s="2"/>
      <c r="AA4" s="4"/>
      <c r="AE4" s="1"/>
    </row>
    <row r="5" spans="1:31" x14ac:dyDescent="0.35">
      <c r="C5" s="2"/>
      <c r="K5" s="3"/>
      <c r="R5" s="2"/>
      <c r="Z5" s="2"/>
      <c r="AA5" s="4"/>
      <c r="AE5" s="1"/>
    </row>
    <row r="6" spans="1:31" x14ac:dyDescent="0.35">
      <c r="C6" s="2"/>
      <c r="K6" s="3"/>
      <c r="R6" s="2"/>
      <c r="Z6" s="2"/>
      <c r="AA6" s="4"/>
      <c r="AE6" s="1"/>
    </row>
    <row r="7" spans="1:31" x14ac:dyDescent="0.35">
      <c r="C7" s="2"/>
      <c r="K7" s="3"/>
      <c r="R7" s="2"/>
      <c r="Z7" s="2"/>
      <c r="AA7" s="4"/>
      <c r="AE7" s="1"/>
    </row>
    <row r="8" spans="1:31" x14ac:dyDescent="0.35">
      <c r="C8" s="2"/>
      <c r="K8" s="3"/>
      <c r="R8" s="2"/>
      <c r="Z8" s="2"/>
      <c r="AA8" s="4"/>
    </row>
    <row r="9" spans="1:31" x14ac:dyDescent="0.35">
      <c r="C9" s="2"/>
      <c r="K9" s="3"/>
      <c r="R9" s="2"/>
      <c r="Z9" s="2"/>
      <c r="AA9" s="4"/>
    </row>
    <row r="10" spans="1:31" x14ac:dyDescent="0.35">
      <c r="C10" s="2"/>
      <c r="K10" s="3"/>
      <c r="R10" s="2"/>
      <c r="Z10" s="2"/>
      <c r="AA10" s="4"/>
    </row>
    <row r="11" spans="1:31" x14ac:dyDescent="0.35">
      <c r="C11" s="2"/>
      <c r="K11" s="3"/>
      <c r="R11" s="2"/>
      <c r="Z11" s="2"/>
      <c r="AA11" s="4"/>
    </row>
    <row r="12" spans="1:31" x14ac:dyDescent="0.35">
      <c r="C12" s="2"/>
      <c r="K12" s="3"/>
      <c r="R12" s="2"/>
      <c r="Z12" s="2"/>
      <c r="AA12" s="4"/>
    </row>
    <row r="13" spans="1:31" x14ac:dyDescent="0.35">
      <c r="C13" s="2"/>
      <c r="K13" s="3"/>
      <c r="R13" s="2"/>
      <c r="Z13" s="2"/>
      <c r="AA13" s="4"/>
    </row>
    <row r="14" spans="1:31" x14ac:dyDescent="0.35">
      <c r="C14" s="2"/>
      <c r="K14" s="3"/>
      <c r="R14" s="2"/>
      <c r="Z14" s="2"/>
      <c r="AA14" s="4"/>
    </row>
    <row r="15" spans="1:31" x14ac:dyDescent="0.35">
      <c r="C15" s="2"/>
      <c r="K15" s="3"/>
      <c r="R15" s="2"/>
      <c r="Z15" s="2"/>
      <c r="AA15" s="4"/>
    </row>
  </sheetData>
  <pageMargins left="0.75" right="0.75" top="1" bottom="1" header="0.5" footer="0.5"/>
  <pageSetup orientation="portrait" horizontalDpi="300" verticalDpi="300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hang, Neil</dc:creator>
  <cp:lastModifiedBy>Shi, Adie</cp:lastModifiedBy>
  <dcterms:created xsi:type="dcterms:W3CDTF">2017-08-14T06:55:21Z</dcterms:created>
  <dcterms:modified xsi:type="dcterms:W3CDTF">2019-07-31T07:17:18Z</dcterms:modified>
</cp:coreProperties>
</file>